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松江腎クリニック</t>
    <phoneticPr fontId="3"/>
  </si>
  <si>
    <t>〒690-0884 松江市南田町110</t>
    <phoneticPr fontId="3"/>
  </si>
  <si>
    <t>〇</t>
  </si>
  <si>
    <t>医療法人</t>
  </si>
  <si>
    <t>内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325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t="s">
        <v>334</v>
      </c>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t="s">
        <v>334</v>
      </c>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3</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9</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9</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2</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8</v>
      </c>
      <c r="K157" s="99" t="str">
        <f t="shared" ref="K157:K172" si="1">IF(OR(COUNTIF(L157:O157,"未確認")&gt;0,COUNTIF(L157:O157,"*")&gt;0),"※","")</f>
        <v/>
      </c>
      <c r="L157" s="167">
        <v>3</v>
      </c>
      <c r="M157" s="167">
        <v>0</v>
      </c>
      <c r="N157" s="167">
        <v>0</v>
      </c>
      <c r="O157" s="167">
        <v>15</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4</v>
      </c>
      <c r="K159" s="99" t="str">
        <f t="shared" si="1"/>
        <v/>
      </c>
      <c r="L159" s="167">
        <v>1</v>
      </c>
      <c r="M159" s="167">
        <v>0</v>
      </c>
      <c r="N159" s="167">
        <v>0</v>
      </c>
      <c r="O159" s="167">
        <v>3</v>
      </c>
      <c r="P159" s="20"/>
      <c r="Q159" s="20"/>
      <c r="R159" s="20"/>
    </row>
    <row r="160" spans="1:18" s="72" customFormat="1" ht="34.5" customHeight="1" x14ac:dyDescent="0.15">
      <c r="A160" s="153" t="s">
        <v>235</v>
      </c>
      <c r="B160" s="98"/>
      <c r="C160" s="227"/>
      <c r="D160" s="227"/>
      <c r="E160" s="227"/>
      <c r="F160" s="227"/>
      <c r="G160" s="226" t="s">
        <v>59</v>
      </c>
      <c r="H160" s="227"/>
      <c r="I160" s="288"/>
      <c r="J160" s="166">
        <v>0.5</v>
      </c>
      <c r="K160" s="99" t="str">
        <f t="shared" si="1"/>
        <v/>
      </c>
      <c r="L160" s="168">
        <v>0</v>
      </c>
      <c r="M160" s="168">
        <v>0</v>
      </c>
      <c r="N160" s="168">
        <v>0</v>
      </c>
      <c r="O160" s="168">
        <v>0.5</v>
      </c>
      <c r="P160" s="20"/>
      <c r="Q160" s="20"/>
      <c r="R160" s="20"/>
    </row>
    <row r="161" spans="1:18" s="72" customFormat="1" ht="34.5" customHeight="1" x14ac:dyDescent="0.15">
      <c r="A161" s="153" t="s">
        <v>236</v>
      </c>
      <c r="B161" s="98"/>
      <c r="C161" s="226" t="s">
        <v>63</v>
      </c>
      <c r="D161" s="227"/>
      <c r="E161" s="227"/>
      <c r="F161" s="227"/>
      <c r="G161" s="226" t="s">
        <v>57</v>
      </c>
      <c r="H161" s="227"/>
      <c r="I161" s="288"/>
      <c r="J161" s="165">
        <v>5</v>
      </c>
      <c r="K161" s="99" t="str">
        <f t="shared" si="1"/>
        <v/>
      </c>
      <c r="L161" s="167">
        <v>0</v>
      </c>
      <c r="M161" s="167">
        <v>0</v>
      </c>
      <c r="N161" s="167">
        <v>0</v>
      </c>
      <c r="O161" s="167">
        <v>5</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8</v>
      </c>
      <c r="K177" s="99" t="str">
        <f>IF(OR(COUNTIF(L177:O177,"未確認")&gt;0,COUNTIF(L177:O177,"*")&gt;0),"※","")</f>
        <v/>
      </c>
      <c r="L177" s="167">
        <v>0</v>
      </c>
      <c r="M177" s="167">
        <v>0</v>
      </c>
      <c r="N177" s="167">
        <v>0</v>
      </c>
      <c r="O177" s="167">
        <v>8</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2</v>
      </c>
      <c r="K179" s="99" t="str">
        <f>IF(OR(COUNTIF(L179:O179,"未確認")&gt;0,COUNTIF(L179:O179,"*")&gt;0),"※","")</f>
        <v/>
      </c>
      <c r="L179" s="167">
        <v>0</v>
      </c>
      <c r="M179" s="167">
        <v>0</v>
      </c>
      <c r="N179" s="167">
        <v>2</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334</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2</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264</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3</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2</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2</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3</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2</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6</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2</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3</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3</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3</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3</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3</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4</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3</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0:15Z</cp:lastPrinted>
  <dcterms:created xsi:type="dcterms:W3CDTF">2019-03-05T11:12:49Z</dcterms:created>
  <dcterms:modified xsi:type="dcterms:W3CDTF">2021-05-24T00:00:16Z</dcterms:modified>
</cp:coreProperties>
</file>